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7年度\01_ワーク\"/>
    </mc:Choice>
  </mc:AlternateContent>
  <bookViews>
    <workbookView xWindow="0" yWindow="0" windowWidth="20490" windowHeight="7755"/>
  </bookViews>
  <sheets>
    <sheet name="令和７年４月末" sheetId="1" r:id="rId1"/>
  </sheets>
  <definedNames>
    <definedName name="_xlnm.Print_Area" localSheetId="0">令和７年４月末!$A$1:$O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31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/>
  </si>
  <si>
    <t>令和７年度　県税調定収入状況（令和７年４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H10" sqref="H10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1"/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2" spans="1:16" s="3" customFormat="1" ht="24" customHeight="1" x14ac:dyDescent="0.15">
      <c r="A2" s="32" t="s">
        <v>30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3" t="s">
        <v>1</v>
      </c>
      <c r="B4" s="34"/>
      <c r="C4" s="34"/>
      <c r="D4" s="34"/>
      <c r="E4" s="34"/>
      <c r="F4" s="34"/>
      <c r="G4" s="35"/>
      <c r="H4" s="39" t="s">
        <v>2</v>
      </c>
      <c r="I4" s="40"/>
      <c r="J4" s="40"/>
      <c r="K4" s="41"/>
      <c r="L4" s="39" t="s">
        <v>3</v>
      </c>
      <c r="M4" s="40"/>
      <c r="N4" s="40"/>
      <c r="O4" s="41"/>
    </row>
    <row r="5" spans="1:16" ht="21.75" customHeight="1" x14ac:dyDescent="0.15">
      <c r="A5" s="36"/>
      <c r="B5" s="37"/>
      <c r="C5" s="37"/>
      <c r="D5" s="37"/>
      <c r="E5" s="37"/>
      <c r="F5" s="37"/>
      <c r="G5" s="38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2" t="s">
        <v>8</v>
      </c>
      <c r="C6" s="42"/>
      <c r="D6" s="42"/>
      <c r="E6" s="42"/>
      <c r="F6" s="42"/>
      <c r="G6" s="10"/>
      <c r="H6" s="11">
        <v>41919</v>
      </c>
      <c r="I6" s="11">
        <v>3528</v>
      </c>
      <c r="J6" s="11">
        <v>45448</v>
      </c>
      <c r="K6" s="12">
        <v>102</v>
      </c>
      <c r="L6" s="11">
        <v>765</v>
      </c>
      <c r="M6" s="11">
        <v>132</v>
      </c>
      <c r="N6" s="11">
        <v>897</v>
      </c>
      <c r="O6" s="12">
        <v>99.3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41154</v>
      </c>
      <c r="I7" s="11">
        <v>3528</v>
      </c>
      <c r="J7" s="11">
        <v>44683</v>
      </c>
      <c r="K7" s="12">
        <v>102.1</v>
      </c>
      <c r="L7" s="11" t="s">
        <v>29</v>
      </c>
      <c r="M7" s="11">
        <v>132</v>
      </c>
      <c r="N7" s="11">
        <v>132</v>
      </c>
      <c r="O7" s="12">
        <v>103.7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676</v>
      </c>
      <c r="I8" s="11" t="s">
        <v>29</v>
      </c>
      <c r="J8" s="11">
        <v>676</v>
      </c>
      <c r="K8" s="12">
        <v>99.1</v>
      </c>
      <c r="L8" s="11">
        <v>676</v>
      </c>
      <c r="M8" s="11" t="s">
        <v>29</v>
      </c>
      <c r="N8" s="11">
        <v>676</v>
      </c>
      <c r="O8" s="12">
        <v>99.1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88</v>
      </c>
      <c r="I9" s="11" t="s">
        <v>29</v>
      </c>
      <c r="J9" s="11">
        <v>88</v>
      </c>
      <c r="K9" s="12">
        <v>94.7</v>
      </c>
      <c r="L9" s="11">
        <v>88</v>
      </c>
      <c r="M9" s="11" t="s">
        <v>29</v>
      </c>
      <c r="N9" s="11">
        <v>88</v>
      </c>
      <c r="O9" s="12">
        <v>94.7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1137</v>
      </c>
      <c r="I10" s="11">
        <v>94</v>
      </c>
      <c r="J10" s="11">
        <v>1232</v>
      </c>
      <c r="K10" s="12">
        <v>107.6</v>
      </c>
      <c r="L10" s="11">
        <v>808</v>
      </c>
      <c r="M10" s="11">
        <v>1</v>
      </c>
      <c r="N10" s="11">
        <v>809</v>
      </c>
      <c r="O10" s="12">
        <v>103.4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308</v>
      </c>
      <c r="I11" s="11" t="s">
        <v>29</v>
      </c>
      <c r="J11" s="11">
        <v>308</v>
      </c>
      <c r="K11" s="12">
        <v>220.2</v>
      </c>
      <c r="L11" s="11">
        <v>308</v>
      </c>
      <c r="M11" s="11" t="s">
        <v>29</v>
      </c>
      <c r="N11" s="11">
        <v>308</v>
      </c>
      <c r="O11" s="12">
        <v>220.2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46</v>
      </c>
      <c r="I12" s="11">
        <v>273</v>
      </c>
      <c r="J12" s="11">
        <v>320</v>
      </c>
      <c r="K12" s="12">
        <v>95.4</v>
      </c>
      <c r="L12" s="11">
        <v>24</v>
      </c>
      <c r="M12" s="11">
        <v>6</v>
      </c>
      <c r="N12" s="11">
        <v>30</v>
      </c>
      <c r="O12" s="12">
        <v>101.3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12985</v>
      </c>
      <c r="I13" s="11">
        <v>886</v>
      </c>
      <c r="J13" s="11">
        <v>13871</v>
      </c>
      <c r="K13" s="12">
        <v>112.3</v>
      </c>
      <c r="L13" s="11">
        <v>10424</v>
      </c>
      <c r="M13" s="11">
        <v>8</v>
      </c>
      <c r="N13" s="11">
        <v>10433</v>
      </c>
      <c r="O13" s="12">
        <v>105.1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 t="s">
        <v>29</v>
      </c>
      <c r="I14" s="11" t="s">
        <v>29</v>
      </c>
      <c r="J14" s="11" t="s">
        <v>29</v>
      </c>
      <c r="K14" s="12" t="s">
        <v>29</v>
      </c>
      <c r="L14" s="11" t="s">
        <v>29</v>
      </c>
      <c r="M14" s="11" t="s">
        <v>29</v>
      </c>
      <c r="N14" s="11" t="s">
        <v>29</v>
      </c>
      <c r="O14" s="12" t="s">
        <v>29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3220</v>
      </c>
      <c r="I15" s="11">
        <v>414</v>
      </c>
      <c r="J15" s="11">
        <v>3634</v>
      </c>
      <c r="K15" s="12">
        <v>102.4</v>
      </c>
      <c r="L15" s="11">
        <v>897</v>
      </c>
      <c r="M15" s="11">
        <v>5</v>
      </c>
      <c r="N15" s="11">
        <v>903</v>
      </c>
      <c r="O15" s="12">
        <v>100.9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787</v>
      </c>
      <c r="I16" s="11" t="s">
        <v>29</v>
      </c>
      <c r="J16" s="11">
        <v>787</v>
      </c>
      <c r="K16" s="12">
        <v>99.5</v>
      </c>
      <c r="L16" s="11">
        <v>0</v>
      </c>
      <c r="M16" s="11" t="s">
        <v>29</v>
      </c>
      <c r="N16" s="11">
        <v>0</v>
      </c>
      <c r="O16" s="12">
        <v>22.2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130</v>
      </c>
      <c r="I17" s="11" t="s">
        <v>29</v>
      </c>
      <c r="J17" s="11">
        <v>130</v>
      </c>
      <c r="K17" s="12">
        <v>96.7</v>
      </c>
      <c r="L17" s="11">
        <v>130</v>
      </c>
      <c r="M17" s="11" t="s">
        <v>29</v>
      </c>
      <c r="N17" s="11">
        <v>130</v>
      </c>
      <c r="O17" s="12">
        <v>96.7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3191</v>
      </c>
      <c r="I18" s="11" t="s">
        <v>29</v>
      </c>
      <c r="J18" s="11">
        <v>3191</v>
      </c>
      <c r="K18" s="12">
        <v>95.5</v>
      </c>
      <c r="L18" s="11">
        <v>232</v>
      </c>
      <c r="M18" s="11" t="s">
        <v>29</v>
      </c>
      <c r="N18" s="11">
        <v>232</v>
      </c>
      <c r="O18" s="12">
        <v>85.6</v>
      </c>
      <c r="P18" s="13"/>
    </row>
    <row r="19" spans="1:16" s="14" customFormat="1" ht="21.75" customHeight="1" x14ac:dyDescent="0.15">
      <c r="A19" s="15"/>
      <c r="B19" s="43" t="s">
        <v>21</v>
      </c>
      <c r="C19" s="43"/>
      <c r="D19" s="18"/>
      <c r="E19" s="19"/>
      <c r="F19" s="20" t="s">
        <v>22</v>
      </c>
      <c r="G19" s="10"/>
      <c r="H19" s="11">
        <v>927</v>
      </c>
      <c r="I19" s="11">
        <v>0</v>
      </c>
      <c r="J19" s="11">
        <v>927</v>
      </c>
      <c r="K19" s="21">
        <v>122.5</v>
      </c>
      <c r="L19" s="11">
        <v>831</v>
      </c>
      <c r="M19" s="11" t="s">
        <v>29</v>
      </c>
      <c r="N19" s="11">
        <v>831</v>
      </c>
      <c r="O19" s="21">
        <v>120.8</v>
      </c>
      <c r="P19" s="13"/>
    </row>
    <row r="20" spans="1:16" s="14" customFormat="1" ht="21.75" customHeight="1" x14ac:dyDescent="0.15">
      <c r="A20" s="17"/>
      <c r="B20" s="44"/>
      <c r="C20" s="44"/>
      <c r="D20" s="22"/>
      <c r="E20" s="23"/>
      <c r="F20" s="24" t="s">
        <v>23</v>
      </c>
      <c r="G20" s="10"/>
      <c r="H20" s="11">
        <v>743</v>
      </c>
      <c r="I20" s="11">
        <v>280</v>
      </c>
      <c r="J20" s="11">
        <v>1023</v>
      </c>
      <c r="K20" s="12">
        <v>108.7</v>
      </c>
      <c r="L20" s="11">
        <v>670</v>
      </c>
      <c r="M20" s="11">
        <v>8</v>
      </c>
      <c r="N20" s="11">
        <v>678</v>
      </c>
      <c r="O20" s="12">
        <v>105.8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 t="s">
        <v>29</v>
      </c>
      <c r="I21" s="11" t="s">
        <v>29</v>
      </c>
      <c r="J21" s="11" t="s">
        <v>29</v>
      </c>
      <c r="K21" s="29" t="s">
        <v>29</v>
      </c>
      <c r="L21" s="11" t="s">
        <v>29</v>
      </c>
      <c r="M21" s="11" t="s">
        <v>29</v>
      </c>
      <c r="N21" s="11" t="s">
        <v>29</v>
      </c>
      <c r="O21" s="29" t="s">
        <v>29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 t="s">
        <v>29</v>
      </c>
      <c r="I22" s="11">
        <v>22</v>
      </c>
      <c r="J22" s="11">
        <v>22</v>
      </c>
      <c r="K22" s="25">
        <v>32.5</v>
      </c>
      <c r="L22" s="26" t="s">
        <v>29</v>
      </c>
      <c r="M22" s="26">
        <v>0</v>
      </c>
      <c r="N22" s="26">
        <v>0</v>
      </c>
      <c r="O22" s="25">
        <v>90.6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 t="s">
        <v>29</v>
      </c>
      <c r="I23" s="11" t="s">
        <v>29</v>
      </c>
      <c r="J23" s="11" t="s">
        <v>29</v>
      </c>
      <c r="K23" s="29" t="s">
        <v>29</v>
      </c>
      <c r="L23" s="11" t="s">
        <v>29</v>
      </c>
      <c r="M23" s="11" t="s">
        <v>29</v>
      </c>
      <c r="N23" s="11" t="s">
        <v>29</v>
      </c>
      <c r="O23" s="21" t="s">
        <v>29</v>
      </c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65398</v>
      </c>
      <c r="I24" s="11">
        <v>5501</v>
      </c>
      <c r="J24" s="11">
        <v>70899</v>
      </c>
      <c r="K24" s="12">
        <v>104.1</v>
      </c>
      <c r="L24" s="11">
        <v>15093</v>
      </c>
      <c r="M24" s="11">
        <v>162</v>
      </c>
      <c r="N24" s="11">
        <v>15256</v>
      </c>
      <c r="O24" s="12">
        <v>105.8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７年４月末</vt:lpstr>
      <vt:lpstr>令和７年４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5-16T04:44:51Z</cp:lastPrinted>
  <dcterms:created xsi:type="dcterms:W3CDTF">2021-03-24T00:17:43Z</dcterms:created>
  <dcterms:modified xsi:type="dcterms:W3CDTF">2025-05-19T07:45:56Z</dcterms:modified>
</cp:coreProperties>
</file>